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1 元データ\R5\2304\HP2304\"/>
    </mc:Choice>
  </mc:AlternateContent>
  <bookViews>
    <workbookView xWindow="0" yWindow="0" windowWidth="23040" windowHeight="9384"/>
  </bookViews>
  <sheets>
    <sheet name="jinko" sheetId="1" r:id="rId1"/>
  </sheets>
  <definedNames>
    <definedName name="_xlnm.Print_Area" localSheetId="0">jinko!$A$1:$AF$33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2" uniqueCount="34">
  <si>
    <t>富山市の人口</t>
  </si>
  <si>
    <t>住民基本台帳人口</t>
  </si>
  <si>
    <t>令和　　5　  年</t>
    <rPh sb="0" eb="2">
      <t>レイワ</t>
    </rPh>
    <phoneticPr fontId="6"/>
  </si>
  <si>
    <t>月末日現在</t>
  </si>
  <si>
    <t>世帯</t>
  </si>
  <si>
    <t>人口</t>
  </si>
  <si>
    <t>人</t>
  </si>
  <si>
    <t>男</t>
  </si>
  <si>
    <t>女</t>
  </si>
  <si>
    <t>面積</t>
  </si>
  <si>
    <t>ｋ㎡</t>
  </si>
  <si>
    <t>（令和５年　　月別動態別人口）</t>
    <rPh sb="1" eb="3">
      <t>レイワ</t>
    </rPh>
    <phoneticPr fontId="6"/>
  </si>
  <si>
    <t>自　　然　　動　　態</t>
    <rPh sb="6" eb="7">
      <t>ドウ</t>
    </rPh>
    <rPh sb="9" eb="10">
      <t>タイ</t>
    </rPh>
    <phoneticPr fontId="6"/>
  </si>
  <si>
    <t>社　　　　　　　　　　　　　　会　　　　　　　　　　　　　　動　　　　　　　　　　　　　　態</t>
    <rPh sb="30" eb="31">
      <t>ウゴ</t>
    </rPh>
    <rPh sb="45" eb="46">
      <t>タイ</t>
    </rPh>
    <phoneticPr fontId="6"/>
  </si>
  <si>
    <t>出　　　　生</t>
  </si>
  <si>
    <t>死　　　　　亡</t>
  </si>
  <si>
    <t>増減</t>
  </si>
  <si>
    <t>転　　　　　　　　　　　　　　　　　　　　入</t>
  </si>
  <si>
    <t>転　　　　　　　　　　　　　　　　　　　　出</t>
  </si>
  <si>
    <t>月末現在　世帯数及び人口</t>
  </si>
  <si>
    <t>県　　　　内</t>
  </si>
  <si>
    <t>県　　　　外</t>
  </si>
  <si>
    <t>内外</t>
  </si>
  <si>
    <t>月</t>
  </si>
  <si>
    <t>計</t>
  </si>
  <si>
    <t>Ａ</t>
  </si>
  <si>
    <t>男</t>
    <rPh sb="0" eb="1">
      <t>オトコ</t>
    </rPh>
    <phoneticPr fontId="6"/>
  </si>
  <si>
    <t>Ｂ</t>
  </si>
  <si>
    <t>Ａ＋Ｂ</t>
  </si>
  <si>
    <t/>
  </si>
  <si>
    <t>※世帯の異動には世帯分離・合併等を含むため、世帯数が人口を上回る場合があります。</t>
    <rPh sb="1" eb="3">
      <t>セタイ</t>
    </rPh>
    <rPh sb="4" eb="6">
      <t>イドウ</t>
    </rPh>
    <rPh sb="8" eb="10">
      <t>セタイ</t>
    </rPh>
    <rPh sb="10" eb="12">
      <t>ブンリ</t>
    </rPh>
    <rPh sb="13" eb="15">
      <t>ガッペイ</t>
    </rPh>
    <rPh sb="15" eb="16">
      <t>トウ</t>
    </rPh>
    <rPh sb="17" eb="18">
      <t>フク</t>
    </rPh>
    <rPh sb="22" eb="25">
      <t>セタイスウ</t>
    </rPh>
    <rPh sb="26" eb="28">
      <t>ジンコウ</t>
    </rPh>
    <rPh sb="29" eb="31">
      <t>ウワマワ</t>
    </rPh>
    <rPh sb="32" eb="34">
      <t>バアイ</t>
    </rPh>
    <phoneticPr fontId="6"/>
  </si>
  <si>
    <t>※平成24年7月の住民基本台帳法改正に伴い、世帯数及び人口は、外国人住民を含んだ数値となっています。</t>
    <rPh sb="1" eb="3">
      <t>ヘイセイ</t>
    </rPh>
    <rPh sb="5" eb="6">
      <t>ネン</t>
    </rPh>
    <rPh sb="7" eb="8">
      <t>ガツ</t>
    </rPh>
    <rPh sb="9" eb="11">
      <t>ジュウミン</t>
    </rPh>
    <rPh sb="11" eb="13">
      <t>キホン</t>
    </rPh>
    <rPh sb="13" eb="15">
      <t>ダイチョウ</t>
    </rPh>
    <rPh sb="15" eb="16">
      <t>ホウ</t>
    </rPh>
    <rPh sb="16" eb="18">
      <t>カイセイ</t>
    </rPh>
    <rPh sb="19" eb="20">
      <t>トモナ</t>
    </rPh>
    <rPh sb="22" eb="25">
      <t>セタイスウ</t>
    </rPh>
    <rPh sb="25" eb="26">
      <t>オヨ</t>
    </rPh>
    <rPh sb="27" eb="29">
      <t>ジンコウ</t>
    </rPh>
    <rPh sb="31" eb="33">
      <t>ガイコク</t>
    </rPh>
    <rPh sb="33" eb="34">
      <t>ジン</t>
    </rPh>
    <rPh sb="34" eb="36">
      <t>ジュウミン</t>
    </rPh>
    <rPh sb="37" eb="38">
      <t>フク</t>
    </rPh>
    <rPh sb="40" eb="42">
      <t>スウチ</t>
    </rPh>
    <phoneticPr fontId="6"/>
  </si>
  <si>
    <t>※転入県内人口には回復、転出取消等が含まれ、転入県外人口には前住所なし等が含まれる。</t>
    <rPh sb="1" eb="3">
      <t>テンニュウ</t>
    </rPh>
    <rPh sb="3" eb="5">
      <t>ケンナイ</t>
    </rPh>
    <rPh sb="5" eb="7">
      <t>ジンコウ</t>
    </rPh>
    <rPh sb="9" eb="11">
      <t>カイフク</t>
    </rPh>
    <rPh sb="12" eb="14">
      <t>テンシュツ</t>
    </rPh>
    <rPh sb="14" eb="16">
      <t>トリケシ</t>
    </rPh>
    <rPh sb="16" eb="17">
      <t>ナド</t>
    </rPh>
    <rPh sb="18" eb="19">
      <t>フク</t>
    </rPh>
    <rPh sb="22" eb="24">
      <t>テンニュウ</t>
    </rPh>
    <rPh sb="24" eb="28">
      <t>ケンガイジンコウ</t>
    </rPh>
    <rPh sb="30" eb="31">
      <t>マエ</t>
    </rPh>
    <rPh sb="31" eb="33">
      <t>ジュウショ</t>
    </rPh>
    <rPh sb="35" eb="36">
      <t>ナド</t>
    </rPh>
    <rPh sb="37" eb="38">
      <t>フク</t>
    </rPh>
    <phoneticPr fontId="6"/>
  </si>
  <si>
    <t>※転出県内人口には職権消除が含まれる。</t>
    <rPh sb="1" eb="3">
      <t>テンシュツ</t>
    </rPh>
    <rPh sb="3" eb="5">
      <t>ケンナイ</t>
    </rPh>
    <rPh sb="5" eb="7">
      <t>ジンコウ</t>
    </rPh>
    <rPh sb="9" eb="13">
      <t>ショッケンショウジョ</t>
    </rPh>
    <rPh sb="14" eb="15">
      <t>フク</t>
    </rPh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5">
    <numFmt numFmtId="176" formatCode="##,###"/>
    <numFmt numFmtId="177" formatCode="#,##0_ "/>
    <numFmt numFmtId="178" formatCode="0.00_ "/>
    <numFmt numFmtId="179" formatCode="######"/>
    <numFmt numFmtId="180" formatCode="#,###"/>
  </numFmts>
  <fonts count="1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b/>
      <sz val="28"/>
      <name val="ＭＳ 明朝"/>
      <family val="1"/>
      <charset val="128"/>
    </font>
    <font>
      <sz val="28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Ｐゴシック"/>
      <family val="3"/>
      <charset val="128"/>
    </font>
    <font>
      <sz val="20"/>
      <name val="ＭＳ 明朝"/>
      <family val="1"/>
      <charset val="128"/>
    </font>
    <font>
      <sz val="20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</fills>
  <borders count="39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0" fontId="9" fillId="0" borderId="0"/>
  </cellStyleXfs>
  <cellXfs count="77">
    <xf numFmtId="0" fontId="0" fillId="0" borderId="0" xfId="0"/>
    <xf numFmtId="0" fontId="1" fillId="0" borderId="0" xfId="0" applyFont="1" applyAlignment="1">
      <alignment horizontal="center" vertical="center"/>
    </xf>
    <xf numFmtId="0" fontId="1" fillId="0" borderId="0" xfId="0" applyFont="1" applyAlignment="1">
      <alignment vertical="center"/>
    </xf>
    <xf numFmtId="0" fontId="1" fillId="0" borderId="0" xfId="0" applyFont="1" applyAlignment="1">
      <alignment horizontal="distributed" vertical="center"/>
    </xf>
    <xf numFmtId="0" fontId="3" fillId="0" borderId="1" xfId="0" applyFont="1" applyBorder="1" applyAlignment="1">
      <alignment horizontal="distributed" vertical="center"/>
    </xf>
    <xf numFmtId="0" fontId="3" fillId="0" borderId="2" xfId="0" applyFont="1" applyBorder="1" applyAlignment="1">
      <alignment horizontal="distributed" vertical="center"/>
    </xf>
    <xf numFmtId="0" fontId="3" fillId="0" borderId="3" xfId="0" applyFont="1" applyBorder="1" applyAlignment="1">
      <alignment horizontal="distributed" vertical="center"/>
    </xf>
    <xf numFmtId="0" fontId="4" fillId="0" borderId="0" xfId="0" applyFont="1" applyAlignment="1">
      <alignment horizontal="distributed" vertical="center"/>
    </xf>
    <xf numFmtId="0" fontId="5" fillId="0" borderId="0" xfId="0" applyFont="1" applyAlignment="1">
      <alignment horizontal="right" vertical="center"/>
    </xf>
    <xf numFmtId="0" fontId="0" fillId="0" borderId="0" xfId="0" applyAlignment="1">
      <alignment horizontal="right" vertical="center"/>
    </xf>
    <xf numFmtId="0" fontId="5" fillId="0" borderId="0" xfId="0" applyFont="1" applyFill="1" applyAlignment="1" applyProtection="1">
      <alignment vertical="center"/>
      <protection locked="0"/>
    </xf>
    <xf numFmtId="0" fontId="5" fillId="0" borderId="0" xfId="0" applyFont="1" applyAlignment="1">
      <alignment vertical="center"/>
    </xf>
    <xf numFmtId="0" fontId="5" fillId="0" borderId="0" xfId="0" applyFont="1" applyAlignment="1">
      <alignment horizontal="distributed" vertical="center"/>
    </xf>
    <xf numFmtId="176" fontId="5" fillId="0" borderId="0" xfId="0" applyNumberFormat="1" applyFont="1" applyAlignment="1">
      <alignment horizontal="right" vertical="center"/>
    </xf>
    <xf numFmtId="177" fontId="5" fillId="0" borderId="0" xfId="0" applyNumberFormat="1" applyFont="1" applyAlignment="1">
      <alignment vertical="center"/>
    </xf>
    <xf numFmtId="0" fontId="5" fillId="0" borderId="0" xfId="0" applyFont="1" applyAlignment="1">
      <alignment horizontal="center" vertical="center"/>
    </xf>
    <xf numFmtId="0" fontId="5" fillId="0" borderId="0" xfId="0" applyFont="1" applyAlignment="1">
      <alignment horizontal="right" vertical="center"/>
    </xf>
    <xf numFmtId="178" fontId="5" fillId="2" borderId="0" xfId="0" applyNumberFormat="1" applyFont="1" applyFill="1" applyAlignment="1" applyProtection="1">
      <alignment horizontal="right" vertical="center"/>
      <protection locked="0"/>
    </xf>
    <xf numFmtId="0" fontId="7" fillId="0" borderId="0" xfId="0" applyFont="1" applyAlignment="1">
      <alignment horizontal="distributed" vertical="center"/>
    </xf>
    <xf numFmtId="0" fontId="8" fillId="0" borderId="0" xfId="0" applyFont="1" applyAlignment="1">
      <alignment horizontal="distributed" vertical="center"/>
    </xf>
    <xf numFmtId="0" fontId="1" fillId="0" borderId="4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8" xfId="0" applyFont="1" applyBorder="1" applyAlignment="1">
      <alignment vertical="center"/>
    </xf>
    <xf numFmtId="0" fontId="1" fillId="0" borderId="9" xfId="0" applyFont="1" applyBorder="1" applyAlignment="1">
      <alignment vertical="center"/>
    </xf>
    <xf numFmtId="0" fontId="1" fillId="0" borderId="10" xfId="0" applyFont="1" applyBorder="1" applyAlignment="1">
      <alignment vertical="center"/>
    </xf>
    <xf numFmtId="0" fontId="0" fillId="0" borderId="11" xfId="0" applyBorder="1" applyAlignment="1">
      <alignment horizontal="center" vertical="center"/>
    </xf>
    <xf numFmtId="0" fontId="1" fillId="0" borderId="12" xfId="0" applyFont="1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1" fillId="0" borderId="16" xfId="0" applyFont="1" applyBorder="1" applyAlignment="1">
      <alignment horizontal="center" vertical="center"/>
    </xf>
    <xf numFmtId="0" fontId="1" fillId="0" borderId="17" xfId="0" applyFont="1" applyBorder="1" applyAlignment="1">
      <alignment horizontal="center" vertical="center"/>
    </xf>
    <xf numFmtId="0" fontId="1" fillId="0" borderId="18" xfId="0" applyFont="1" applyBorder="1" applyAlignment="1">
      <alignment horizontal="center" vertical="center"/>
    </xf>
    <xf numFmtId="0" fontId="1" fillId="0" borderId="19" xfId="0" applyFont="1" applyBorder="1" applyAlignment="1">
      <alignment horizontal="center" vertical="center"/>
    </xf>
    <xf numFmtId="0" fontId="1" fillId="0" borderId="20" xfId="0" applyFont="1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0" fillId="0" borderId="21" xfId="0" applyBorder="1" applyAlignment="1">
      <alignment horizontal="center" vertical="center"/>
    </xf>
    <xf numFmtId="0" fontId="0" fillId="0" borderId="22" xfId="0" applyBorder="1" applyAlignment="1">
      <alignment horizontal="center" vertical="center"/>
    </xf>
    <xf numFmtId="0" fontId="0" fillId="0" borderId="23" xfId="0" applyBorder="1" applyAlignment="1">
      <alignment horizontal="center" vertical="center"/>
    </xf>
    <xf numFmtId="0" fontId="0" fillId="0" borderId="24" xfId="0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0" fillId="0" borderId="25" xfId="0" applyBorder="1" applyAlignment="1">
      <alignment horizontal="center" vertical="center"/>
    </xf>
    <xf numFmtId="0" fontId="1" fillId="0" borderId="26" xfId="0" applyFont="1" applyBorder="1" applyAlignment="1">
      <alignment horizontal="center" vertical="center"/>
    </xf>
    <xf numFmtId="0" fontId="1" fillId="0" borderId="27" xfId="0" applyFont="1" applyBorder="1" applyAlignment="1">
      <alignment horizontal="center" vertical="center"/>
    </xf>
    <xf numFmtId="0" fontId="1" fillId="0" borderId="28" xfId="0" applyFont="1" applyBorder="1" applyAlignment="1">
      <alignment horizontal="center" vertical="center"/>
    </xf>
    <xf numFmtId="0" fontId="1" fillId="0" borderId="29" xfId="0" applyFont="1" applyBorder="1" applyAlignment="1">
      <alignment horizontal="center" vertical="center"/>
    </xf>
    <xf numFmtId="0" fontId="1" fillId="0" borderId="30" xfId="0" applyFont="1" applyBorder="1" applyAlignment="1">
      <alignment horizontal="center" vertical="center"/>
    </xf>
    <xf numFmtId="179" fontId="1" fillId="2" borderId="31" xfId="0" applyNumberFormat="1" applyFont="1" applyFill="1" applyBorder="1" applyAlignment="1" applyProtection="1">
      <alignment horizontal="right" vertical="center"/>
      <protection locked="0"/>
    </xf>
    <xf numFmtId="179" fontId="1" fillId="0" borderId="31" xfId="0" applyNumberFormat="1" applyFont="1" applyBorder="1" applyAlignment="1">
      <alignment horizontal="right" vertical="center"/>
    </xf>
    <xf numFmtId="180" fontId="1" fillId="0" borderId="31" xfId="0" applyNumberFormat="1" applyFont="1" applyBorder="1" applyAlignment="1">
      <alignment horizontal="right" vertical="center"/>
    </xf>
    <xf numFmtId="180" fontId="1" fillId="0" borderId="32" xfId="0" applyNumberFormat="1" applyFont="1" applyBorder="1" applyAlignment="1">
      <alignment horizontal="right" vertical="center"/>
    </xf>
    <xf numFmtId="0" fontId="1" fillId="0" borderId="33" xfId="0" applyFont="1" applyBorder="1" applyAlignment="1">
      <alignment horizontal="center" vertical="center"/>
    </xf>
    <xf numFmtId="179" fontId="1" fillId="2" borderId="34" xfId="0" applyNumberFormat="1" applyFont="1" applyFill="1" applyBorder="1" applyAlignment="1" applyProtection="1">
      <alignment horizontal="right" vertical="center"/>
      <protection locked="0"/>
    </xf>
    <xf numFmtId="179" fontId="1" fillId="0" borderId="34" xfId="0" applyNumberFormat="1" applyFont="1" applyBorder="1" applyAlignment="1">
      <alignment horizontal="right" vertical="center"/>
    </xf>
    <xf numFmtId="180" fontId="1" fillId="0" borderId="34" xfId="0" applyNumberFormat="1" applyFont="1" applyBorder="1" applyAlignment="1">
      <alignment horizontal="right" vertical="center"/>
    </xf>
    <xf numFmtId="180" fontId="1" fillId="0" borderId="35" xfId="0" applyNumberFormat="1" applyFont="1" applyBorder="1" applyAlignment="1">
      <alignment horizontal="right" vertical="center"/>
    </xf>
    <xf numFmtId="0" fontId="1" fillId="0" borderId="33" xfId="1" applyFont="1" applyBorder="1" applyAlignment="1">
      <alignment horizontal="center" vertical="center"/>
    </xf>
    <xf numFmtId="179" fontId="1" fillId="2" borderId="34" xfId="1" applyNumberFormat="1" applyFont="1" applyFill="1" applyBorder="1" applyAlignment="1" applyProtection="1">
      <alignment horizontal="right" vertical="center"/>
      <protection locked="0"/>
    </xf>
    <xf numFmtId="179" fontId="1" fillId="0" borderId="34" xfId="1" applyNumberFormat="1" applyFont="1" applyBorder="1" applyAlignment="1">
      <alignment horizontal="right" vertical="center"/>
    </xf>
    <xf numFmtId="180" fontId="1" fillId="0" borderId="34" xfId="1" applyNumberFormat="1" applyFont="1" applyBorder="1" applyAlignment="1">
      <alignment horizontal="right" vertical="center"/>
    </xf>
    <xf numFmtId="180" fontId="1" fillId="0" borderId="35" xfId="1" applyNumberFormat="1" applyFont="1" applyBorder="1" applyAlignment="1">
      <alignment horizontal="right" vertical="center"/>
    </xf>
    <xf numFmtId="0" fontId="1" fillId="0" borderId="0" xfId="1" applyFont="1" applyAlignment="1">
      <alignment vertical="center"/>
    </xf>
    <xf numFmtId="0" fontId="1" fillId="0" borderId="36" xfId="0" applyFont="1" applyBorder="1" applyAlignment="1">
      <alignment horizontal="center" vertical="center"/>
    </xf>
    <xf numFmtId="179" fontId="1" fillId="2" borderId="37" xfId="0" applyNumberFormat="1" applyFont="1" applyFill="1" applyBorder="1" applyAlignment="1" applyProtection="1">
      <alignment horizontal="right" vertical="center"/>
      <protection locked="0"/>
    </xf>
    <xf numFmtId="179" fontId="1" fillId="0" borderId="37" xfId="0" applyNumberFormat="1" applyFont="1" applyBorder="1" applyAlignment="1">
      <alignment horizontal="right" vertical="center"/>
    </xf>
    <xf numFmtId="180" fontId="1" fillId="0" borderId="37" xfId="0" applyNumberFormat="1" applyFont="1" applyBorder="1" applyAlignment="1">
      <alignment horizontal="right" vertical="center"/>
    </xf>
    <xf numFmtId="180" fontId="1" fillId="0" borderId="37" xfId="0" applyNumberFormat="1" applyFont="1" applyFill="1" applyBorder="1" applyAlignment="1">
      <alignment horizontal="right" vertical="center"/>
    </xf>
    <xf numFmtId="180" fontId="1" fillId="0" borderId="38" xfId="0" applyNumberFormat="1" applyFont="1" applyBorder="1" applyAlignment="1">
      <alignment horizontal="right" vertical="center"/>
    </xf>
    <xf numFmtId="179" fontId="1" fillId="0" borderId="28" xfId="0" applyNumberFormat="1" applyFont="1" applyBorder="1" applyAlignment="1">
      <alignment horizontal="right" vertical="center"/>
    </xf>
    <xf numFmtId="179" fontId="1" fillId="0" borderId="28" xfId="0" applyNumberFormat="1" applyFont="1" applyBorder="1" applyAlignment="1">
      <alignment horizontal="center" vertical="center"/>
    </xf>
    <xf numFmtId="179" fontId="1" fillId="0" borderId="29" xfId="0" applyNumberFormat="1" applyFont="1" applyBorder="1" applyAlignment="1">
      <alignment horizontal="center" vertical="center"/>
    </xf>
    <xf numFmtId="180" fontId="1" fillId="0" borderId="0" xfId="0" applyNumberFormat="1" applyFont="1" applyAlignment="1">
      <alignment horizontal="right" vertical="center"/>
    </xf>
    <xf numFmtId="0" fontId="10" fillId="0" borderId="0" xfId="0" applyFont="1" applyAlignment="1">
      <alignment vertical="center"/>
    </xf>
    <xf numFmtId="180" fontId="1" fillId="0" borderId="0" xfId="0" applyNumberFormat="1" applyFont="1" applyAlignment="1" applyProtection="1">
      <alignment horizontal="right"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F35"/>
  <sheetViews>
    <sheetView tabSelected="1" zoomScale="85" zoomScaleNormal="85" workbookViewId="0">
      <selection activeCell="M1" sqref="M1:W1"/>
    </sheetView>
  </sheetViews>
  <sheetFormatPr defaultColWidth="9" defaultRowHeight="13.2"/>
  <cols>
    <col min="1" max="1" width="3.6640625" style="1" customWidth="1"/>
    <col min="2" max="7" width="5.6640625" style="2" customWidth="1"/>
    <col min="8" max="8" width="6.33203125" style="2" customWidth="1"/>
    <col min="9" max="16" width="5.6640625" style="2" customWidth="1"/>
    <col min="17" max="17" width="6.6640625" style="2" customWidth="1"/>
    <col min="18" max="25" width="5.6640625" style="2" customWidth="1"/>
    <col min="26" max="28" width="6.6640625" style="2" customWidth="1"/>
    <col min="29" max="32" width="8.6640625" style="2" customWidth="1"/>
    <col min="33" max="16384" width="9" style="2"/>
  </cols>
  <sheetData>
    <row r="1" spans="1:32" ht="41.25" customHeight="1">
      <c r="L1" s="3"/>
      <c r="M1" s="4" t="s">
        <v>0</v>
      </c>
      <c r="N1" s="5"/>
      <c r="O1" s="5"/>
      <c r="P1" s="5"/>
      <c r="Q1" s="5"/>
      <c r="R1" s="5"/>
      <c r="S1" s="5"/>
      <c r="T1" s="5"/>
      <c r="U1" s="5"/>
      <c r="V1" s="5"/>
      <c r="W1" s="6"/>
    </row>
    <row r="2" spans="1:32" ht="24.75" customHeight="1">
      <c r="L2" s="3"/>
      <c r="M2" s="7"/>
      <c r="N2" s="3"/>
      <c r="O2" s="3"/>
      <c r="P2" s="3"/>
      <c r="Q2" s="3"/>
      <c r="R2" s="3"/>
      <c r="S2" s="3"/>
      <c r="T2" s="3"/>
      <c r="U2" s="3"/>
      <c r="V2" s="3"/>
      <c r="W2" s="3"/>
    </row>
    <row r="3" spans="1:32" ht="24.9" customHeight="1">
      <c r="K3" s="8" t="s">
        <v>1</v>
      </c>
      <c r="L3" s="9"/>
      <c r="M3" s="9"/>
      <c r="N3" s="9"/>
      <c r="O3" s="9"/>
      <c r="P3" s="8" t="s">
        <v>2</v>
      </c>
      <c r="Q3" s="9"/>
      <c r="R3" s="9"/>
      <c r="S3" s="9"/>
      <c r="T3" s="9"/>
      <c r="U3" s="10">
        <v>4</v>
      </c>
      <c r="V3" s="11" t="s">
        <v>3</v>
      </c>
      <c r="W3" s="11"/>
    </row>
    <row r="4" spans="1:32" ht="24.9" customHeight="1">
      <c r="L4" s="11"/>
      <c r="M4" s="11"/>
      <c r="N4" s="11"/>
      <c r="O4" s="11"/>
      <c r="P4" s="11"/>
      <c r="Q4" s="11"/>
      <c r="R4" s="11"/>
      <c r="S4" s="11"/>
      <c r="T4" s="11"/>
      <c r="U4" s="11"/>
      <c r="V4" s="11"/>
      <c r="W4" s="11"/>
    </row>
    <row r="5" spans="1:32" ht="24.9" customHeight="1">
      <c r="L5" s="11"/>
      <c r="M5" s="12" t="s">
        <v>4</v>
      </c>
      <c r="N5" s="12"/>
      <c r="O5" s="12"/>
      <c r="P5" s="11"/>
      <c r="Q5" s="11"/>
      <c r="R5" s="13">
        <v>184686</v>
      </c>
      <c r="S5" s="13"/>
      <c r="T5" s="13"/>
      <c r="U5" s="14"/>
      <c r="V5" s="15" t="s">
        <v>4</v>
      </c>
      <c r="W5" s="11"/>
    </row>
    <row r="6" spans="1:32" ht="24.9" customHeight="1">
      <c r="L6" s="11"/>
      <c r="M6" s="12" t="s">
        <v>5</v>
      </c>
      <c r="N6" s="12"/>
      <c r="O6" s="12"/>
      <c r="P6" s="11"/>
      <c r="Q6" s="11"/>
      <c r="R6" s="13">
        <v>407790</v>
      </c>
      <c r="S6" s="13"/>
      <c r="T6" s="13"/>
      <c r="U6" s="16"/>
      <c r="V6" s="15" t="s">
        <v>6</v>
      </c>
      <c r="W6" s="11"/>
    </row>
    <row r="7" spans="1:32" ht="24.9" customHeight="1">
      <c r="L7" s="11"/>
      <c r="M7" s="11"/>
      <c r="N7" s="15" t="s">
        <v>7</v>
      </c>
      <c r="O7" s="11"/>
      <c r="P7" s="11"/>
      <c r="Q7" s="11"/>
      <c r="R7" s="13">
        <v>198936</v>
      </c>
      <c r="S7" s="13"/>
      <c r="T7" s="13"/>
      <c r="U7" s="16"/>
      <c r="V7" s="15" t="s">
        <v>6</v>
      </c>
      <c r="W7" s="11"/>
    </row>
    <row r="8" spans="1:32" ht="24.9" customHeight="1">
      <c r="L8" s="11"/>
      <c r="M8" s="11"/>
      <c r="N8" s="15" t="s">
        <v>8</v>
      </c>
      <c r="O8" s="11"/>
      <c r="P8" s="11"/>
      <c r="Q8" s="11"/>
      <c r="R8" s="13">
        <v>208854</v>
      </c>
      <c r="S8" s="13"/>
      <c r="T8" s="13"/>
      <c r="U8" s="16"/>
      <c r="V8" s="15" t="s">
        <v>6</v>
      </c>
      <c r="W8" s="11"/>
    </row>
    <row r="9" spans="1:32" ht="14.25" customHeight="1">
      <c r="L9" s="11"/>
      <c r="M9" s="11"/>
      <c r="N9" s="11"/>
      <c r="O9" s="11"/>
      <c r="P9" s="11"/>
      <c r="Q9" s="11"/>
      <c r="R9" s="11"/>
      <c r="S9" s="11"/>
      <c r="T9" s="11"/>
      <c r="U9" s="11"/>
      <c r="V9" s="15"/>
      <c r="W9" s="11"/>
    </row>
    <row r="10" spans="1:32" ht="24.9" customHeight="1">
      <c r="L10" s="11"/>
      <c r="M10" s="12" t="s">
        <v>9</v>
      </c>
      <c r="N10" s="12"/>
      <c r="O10" s="12"/>
      <c r="P10" s="11"/>
      <c r="Q10" s="11"/>
      <c r="R10" s="17">
        <v>1241.7</v>
      </c>
      <c r="S10" s="17"/>
      <c r="T10" s="17"/>
      <c r="U10" s="11"/>
      <c r="V10" s="15" t="s">
        <v>10</v>
      </c>
      <c r="W10" s="11"/>
    </row>
    <row r="11" spans="1:32" ht="24.9" customHeight="1">
      <c r="L11" s="11"/>
      <c r="M11" s="11"/>
      <c r="N11" s="11"/>
      <c r="O11" s="11"/>
      <c r="P11" s="11"/>
      <c r="Q11" s="11"/>
      <c r="R11" s="11"/>
      <c r="S11" s="11"/>
      <c r="T11" s="11"/>
      <c r="U11" s="11"/>
      <c r="V11" s="11"/>
      <c r="W11" s="11"/>
    </row>
    <row r="12" spans="1:32" ht="24.9" customHeight="1">
      <c r="K12" s="18" t="s">
        <v>11</v>
      </c>
      <c r="L12" s="19"/>
      <c r="M12" s="19"/>
      <c r="N12" s="19"/>
      <c r="O12" s="19"/>
      <c r="P12" s="19"/>
      <c r="Q12" s="19"/>
      <c r="R12" s="19"/>
      <c r="S12" s="19"/>
      <c r="T12" s="19"/>
      <c r="U12" s="19"/>
      <c r="V12" s="19"/>
      <c r="W12" s="19"/>
      <c r="X12" s="19"/>
    </row>
    <row r="13" spans="1:32" ht="24.9" customHeight="1"/>
    <row r="14" spans="1:32" ht="20.100000000000001" customHeight="1">
      <c r="A14" s="20"/>
      <c r="B14" s="21" t="s">
        <v>12</v>
      </c>
      <c r="C14" s="22"/>
      <c r="D14" s="22"/>
      <c r="E14" s="22"/>
      <c r="F14" s="22"/>
      <c r="G14" s="22"/>
      <c r="H14" s="23"/>
      <c r="I14" s="21" t="s">
        <v>13</v>
      </c>
      <c r="J14" s="22"/>
      <c r="K14" s="22"/>
      <c r="L14" s="22"/>
      <c r="M14" s="22"/>
      <c r="N14" s="22"/>
      <c r="O14" s="22"/>
      <c r="P14" s="22"/>
      <c r="Q14" s="22"/>
      <c r="R14" s="22"/>
      <c r="S14" s="22"/>
      <c r="T14" s="22"/>
      <c r="U14" s="22"/>
      <c r="V14" s="22"/>
      <c r="W14" s="22"/>
      <c r="X14" s="22"/>
      <c r="Y14" s="22"/>
      <c r="Z14" s="22"/>
      <c r="AA14" s="23"/>
      <c r="AB14" s="24"/>
      <c r="AC14" s="25"/>
      <c r="AD14" s="25"/>
      <c r="AE14" s="25"/>
      <c r="AF14" s="26"/>
    </row>
    <row r="15" spans="1:32" ht="20.100000000000001" customHeight="1">
      <c r="A15" s="27"/>
      <c r="B15" s="28" t="s">
        <v>14</v>
      </c>
      <c r="C15" s="29"/>
      <c r="D15" s="30"/>
      <c r="E15" s="28" t="s">
        <v>15</v>
      </c>
      <c r="F15" s="29"/>
      <c r="G15" s="30"/>
      <c r="H15" s="31" t="s">
        <v>16</v>
      </c>
      <c r="I15" s="32" t="s">
        <v>17</v>
      </c>
      <c r="J15" s="33"/>
      <c r="K15" s="33"/>
      <c r="L15" s="33"/>
      <c r="M15" s="33"/>
      <c r="N15" s="33"/>
      <c r="O15" s="33"/>
      <c r="P15" s="33"/>
      <c r="Q15" s="34"/>
      <c r="R15" s="32" t="s">
        <v>18</v>
      </c>
      <c r="S15" s="33"/>
      <c r="T15" s="33"/>
      <c r="U15" s="33"/>
      <c r="V15" s="33"/>
      <c r="W15" s="33"/>
      <c r="X15" s="33"/>
      <c r="Y15" s="33"/>
      <c r="Z15" s="34"/>
      <c r="AA15" s="31" t="s">
        <v>16</v>
      </c>
      <c r="AB15" s="35" t="s">
        <v>16</v>
      </c>
      <c r="AC15" s="36" t="s">
        <v>19</v>
      </c>
      <c r="AD15" s="37"/>
      <c r="AE15" s="37"/>
      <c r="AF15" s="38"/>
    </row>
    <row r="16" spans="1:32" ht="20.100000000000001" customHeight="1">
      <c r="A16" s="27"/>
      <c r="B16" s="39"/>
      <c r="C16" s="40"/>
      <c r="D16" s="41"/>
      <c r="E16" s="39"/>
      <c r="F16" s="40"/>
      <c r="G16" s="41"/>
      <c r="H16" s="42"/>
      <c r="I16" s="32" t="s">
        <v>20</v>
      </c>
      <c r="J16" s="33"/>
      <c r="K16" s="33"/>
      <c r="L16" s="34"/>
      <c r="M16" s="32" t="s">
        <v>21</v>
      </c>
      <c r="N16" s="33"/>
      <c r="O16" s="33"/>
      <c r="P16" s="34"/>
      <c r="Q16" s="43" t="s">
        <v>22</v>
      </c>
      <c r="R16" s="32" t="s">
        <v>20</v>
      </c>
      <c r="S16" s="33"/>
      <c r="T16" s="33"/>
      <c r="U16" s="34"/>
      <c r="V16" s="32" t="s">
        <v>21</v>
      </c>
      <c r="W16" s="33"/>
      <c r="X16" s="33"/>
      <c r="Y16" s="34"/>
      <c r="Z16" s="43" t="s">
        <v>22</v>
      </c>
      <c r="AA16" s="35"/>
      <c r="AB16" s="35"/>
      <c r="AC16" s="39"/>
      <c r="AD16" s="40"/>
      <c r="AE16" s="40"/>
      <c r="AF16" s="44"/>
    </row>
    <row r="17" spans="1:32" ht="20.100000000000001" customHeight="1">
      <c r="A17" s="45" t="s">
        <v>23</v>
      </c>
      <c r="B17" s="46" t="s">
        <v>7</v>
      </c>
      <c r="C17" s="47" t="s">
        <v>8</v>
      </c>
      <c r="D17" s="47" t="s">
        <v>24</v>
      </c>
      <c r="E17" s="47" t="s">
        <v>7</v>
      </c>
      <c r="F17" s="47" t="s">
        <v>8</v>
      </c>
      <c r="G17" s="47" t="s">
        <v>24</v>
      </c>
      <c r="H17" s="46" t="s">
        <v>25</v>
      </c>
      <c r="I17" s="47" t="s">
        <v>4</v>
      </c>
      <c r="J17" s="47" t="s">
        <v>26</v>
      </c>
      <c r="K17" s="47" t="s">
        <v>8</v>
      </c>
      <c r="L17" s="47" t="s">
        <v>24</v>
      </c>
      <c r="M17" s="47" t="s">
        <v>4</v>
      </c>
      <c r="N17" s="47" t="s">
        <v>7</v>
      </c>
      <c r="O17" s="47" t="s">
        <v>8</v>
      </c>
      <c r="P17" s="47" t="s">
        <v>24</v>
      </c>
      <c r="Q17" s="46" t="s">
        <v>24</v>
      </c>
      <c r="R17" s="47" t="s">
        <v>4</v>
      </c>
      <c r="S17" s="47" t="s">
        <v>7</v>
      </c>
      <c r="T17" s="47" t="s">
        <v>8</v>
      </c>
      <c r="U17" s="47" t="s">
        <v>24</v>
      </c>
      <c r="V17" s="47" t="s">
        <v>4</v>
      </c>
      <c r="W17" s="47" t="s">
        <v>7</v>
      </c>
      <c r="X17" s="47" t="s">
        <v>8</v>
      </c>
      <c r="Y17" s="47" t="s">
        <v>24</v>
      </c>
      <c r="Z17" s="46" t="s">
        <v>24</v>
      </c>
      <c r="AA17" s="46" t="s">
        <v>27</v>
      </c>
      <c r="AB17" s="46" t="s">
        <v>28</v>
      </c>
      <c r="AC17" s="46" t="s">
        <v>4</v>
      </c>
      <c r="AD17" s="47" t="s">
        <v>7</v>
      </c>
      <c r="AE17" s="47" t="s">
        <v>8</v>
      </c>
      <c r="AF17" s="48" t="s">
        <v>24</v>
      </c>
    </row>
    <row r="18" spans="1:32" ht="20.100000000000001" customHeight="1">
      <c r="A18" s="49">
        <v>1</v>
      </c>
      <c r="B18" s="50">
        <v>111</v>
      </c>
      <c r="C18" s="50">
        <v>102</v>
      </c>
      <c r="D18" s="51">
        <v>213</v>
      </c>
      <c r="E18" s="50">
        <v>302</v>
      </c>
      <c r="F18" s="50">
        <v>291</v>
      </c>
      <c r="G18" s="51">
        <v>593</v>
      </c>
      <c r="H18" s="51">
        <v>-380</v>
      </c>
      <c r="I18" s="50">
        <v>260</v>
      </c>
      <c r="J18" s="50">
        <v>93</v>
      </c>
      <c r="K18" s="50">
        <v>82</v>
      </c>
      <c r="L18" s="51">
        <v>175</v>
      </c>
      <c r="M18" s="50">
        <v>360</v>
      </c>
      <c r="N18" s="50">
        <v>295</v>
      </c>
      <c r="O18" s="50">
        <v>235</v>
      </c>
      <c r="P18" s="51">
        <v>530</v>
      </c>
      <c r="Q18" s="51">
        <v>705</v>
      </c>
      <c r="R18" s="50">
        <v>437</v>
      </c>
      <c r="S18" s="50">
        <v>116</v>
      </c>
      <c r="T18" s="50">
        <v>99</v>
      </c>
      <c r="U18" s="51">
        <v>215</v>
      </c>
      <c r="V18" s="50">
        <v>337</v>
      </c>
      <c r="W18" s="50">
        <v>341</v>
      </c>
      <c r="X18" s="50">
        <v>232</v>
      </c>
      <c r="Y18" s="51">
        <v>573</v>
      </c>
      <c r="Z18" s="51">
        <v>788</v>
      </c>
      <c r="AA18" s="51">
        <v>-83</v>
      </c>
      <c r="AB18" s="51">
        <v>-463</v>
      </c>
      <c r="AC18" s="52">
        <v>183882</v>
      </c>
      <c r="AD18" s="52">
        <v>199328</v>
      </c>
      <c r="AE18" s="52">
        <v>209284</v>
      </c>
      <c r="AF18" s="53">
        <v>408612</v>
      </c>
    </row>
    <row r="19" spans="1:32" ht="20.100000000000001" customHeight="1">
      <c r="A19" s="54">
        <v>2</v>
      </c>
      <c r="B19" s="55">
        <v>84</v>
      </c>
      <c r="C19" s="55">
        <v>87</v>
      </c>
      <c r="D19" s="56">
        <v>171</v>
      </c>
      <c r="E19" s="55">
        <v>255</v>
      </c>
      <c r="F19" s="55">
        <v>261</v>
      </c>
      <c r="G19" s="56">
        <v>516</v>
      </c>
      <c r="H19" s="56">
        <v>-345</v>
      </c>
      <c r="I19" s="55">
        <v>300</v>
      </c>
      <c r="J19" s="55">
        <v>94</v>
      </c>
      <c r="K19" s="55">
        <v>111</v>
      </c>
      <c r="L19" s="56">
        <v>205</v>
      </c>
      <c r="M19" s="55">
        <v>388</v>
      </c>
      <c r="N19" s="55">
        <v>348</v>
      </c>
      <c r="O19" s="55">
        <v>231</v>
      </c>
      <c r="P19" s="56">
        <v>579</v>
      </c>
      <c r="Q19" s="56">
        <v>784</v>
      </c>
      <c r="R19" s="55">
        <v>434</v>
      </c>
      <c r="S19" s="55">
        <v>144</v>
      </c>
      <c r="T19" s="55">
        <v>102</v>
      </c>
      <c r="U19" s="56">
        <v>246</v>
      </c>
      <c r="V19" s="55">
        <v>326</v>
      </c>
      <c r="W19" s="55">
        <v>293</v>
      </c>
      <c r="X19" s="55">
        <v>219</v>
      </c>
      <c r="Y19" s="56">
        <v>512</v>
      </c>
      <c r="Z19" s="56">
        <v>758</v>
      </c>
      <c r="AA19" s="56">
        <v>26</v>
      </c>
      <c r="AB19" s="56">
        <v>-319</v>
      </c>
      <c r="AC19" s="57">
        <v>183810</v>
      </c>
      <c r="AD19" s="57">
        <v>199162</v>
      </c>
      <c r="AE19" s="57">
        <v>209131</v>
      </c>
      <c r="AF19" s="58">
        <v>408293</v>
      </c>
    </row>
    <row r="20" spans="1:32" ht="20.100000000000001" customHeight="1">
      <c r="A20" s="54">
        <v>3</v>
      </c>
      <c r="B20" s="55">
        <v>105</v>
      </c>
      <c r="C20" s="55">
        <v>112</v>
      </c>
      <c r="D20" s="56">
        <v>217</v>
      </c>
      <c r="E20" s="55">
        <v>258</v>
      </c>
      <c r="F20" s="55">
        <v>298</v>
      </c>
      <c r="G20" s="56">
        <v>556</v>
      </c>
      <c r="H20" s="56">
        <v>-339</v>
      </c>
      <c r="I20" s="55">
        <v>589</v>
      </c>
      <c r="J20" s="55">
        <v>250</v>
      </c>
      <c r="K20" s="55">
        <v>265</v>
      </c>
      <c r="L20" s="56">
        <v>515</v>
      </c>
      <c r="M20" s="55">
        <v>1192</v>
      </c>
      <c r="N20" s="55">
        <v>990</v>
      </c>
      <c r="O20" s="55">
        <v>754</v>
      </c>
      <c r="P20" s="56">
        <v>1744</v>
      </c>
      <c r="Q20" s="56">
        <v>2259</v>
      </c>
      <c r="R20" s="55">
        <v>609</v>
      </c>
      <c r="S20" s="55">
        <v>275</v>
      </c>
      <c r="T20" s="55">
        <v>236</v>
      </c>
      <c r="U20" s="56">
        <v>511</v>
      </c>
      <c r="V20" s="55">
        <v>911</v>
      </c>
      <c r="W20" s="55">
        <v>1223</v>
      </c>
      <c r="X20" s="55">
        <v>937</v>
      </c>
      <c r="Y20" s="56">
        <v>2160</v>
      </c>
      <c r="Z20" s="56">
        <v>2671</v>
      </c>
      <c r="AA20" s="56">
        <v>-412</v>
      </c>
      <c r="AB20" s="56">
        <v>-751</v>
      </c>
      <c r="AC20" s="57">
        <v>184071</v>
      </c>
      <c r="AD20" s="57">
        <v>198751</v>
      </c>
      <c r="AE20" s="57">
        <v>208791</v>
      </c>
      <c r="AF20" s="58">
        <v>407542</v>
      </c>
    </row>
    <row r="21" spans="1:32" ht="20.100000000000001" customHeight="1">
      <c r="A21" s="54">
        <v>4</v>
      </c>
      <c r="B21" s="55">
        <v>109</v>
      </c>
      <c r="C21" s="55">
        <v>105</v>
      </c>
      <c r="D21" s="56">
        <v>214</v>
      </c>
      <c r="E21" s="55">
        <v>203</v>
      </c>
      <c r="F21" s="55">
        <v>208</v>
      </c>
      <c r="G21" s="56">
        <v>411</v>
      </c>
      <c r="H21" s="56">
        <v>-197</v>
      </c>
      <c r="I21" s="55">
        <v>528</v>
      </c>
      <c r="J21" s="55">
        <v>248</v>
      </c>
      <c r="K21" s="55">
        <v>176</v>
      </c>
      <c r="L21" s="56">
        <v>424</v>
      </c>
      <c r="M21" s="55">
        <v>1142</v>
      </c>
      <c r="N21" s="55">
        <v>910</v>
      </c>
      <c r="O21" s="55">
        <v>635</v>
      </c>
      <c r="P21" s="56">
        <v>1545</v>
      </c>
      <c r="Q21" s="56">
        <v>1969</v>
      </c>
      <c r="R21" s="55">
        <v>475</v>
      </c>
      <c r="S21" s="55">
        <v>199</v>
      </c>
      <c r="T21" s="55">
        <v>175</v>
      </c>
      <c r="U21" s="56">
        <v>374</v>
      </c>
      <c r="V21" s="55">
        <v>580</v>
      </c>
      <c r="W21" s="55">
        <v>680</v>
      </c>
      <c r="X21" s="55">
        <v>470</v>
      </c>
      <c r="Y21" s="56">
        <v>1150</v>
      </c>
      <c r="Z21" s="56">
        <v>1524</v>
      </c>
      <c r="AA21" s="56">
        <v>445</v>
      </c>
      <c r="AB21" s="56">
        <v>248</v>
      </c>
      <c r="AC21" s="57">
        <v>184686</v>
      </c>
      <c r="AD21" s="57">
        <v>198936</v>
      </c>
      <c r="AE21" s="57">
        <v>208854</v>
      </c>
      <c r="AF21" s="58">
        <v>407790</v>
      </c>
    </row>
    <row r="22" spans="1:32" ht="20.100000000000001" customHeight="1">
      <c r="A22" s="54">
        <v>5</v>
      </c>
      <c r="B22" s="55"/>
      <c r="C22" s="55"/>
      <c r="D22" s="56">
        <v>0</v>
      </c>
      <c r="E22" s="55"/>
      <c r="F22" s="55"/>
      <c r="G22" s="56">
        <v>0</v>
      </c>
      <c r="H22" s="56">
        <v>0</v>
      </c>
      <c r="I22" s="55"/>
      <c r="J22" s="55"/>
      <c r="K22" s="55"/>
      <c r="L22" s="56">
        <v>0</v>
      </c>
      <c r="M22" s="55"/>
      <c r="N22" s="55"/>
      <c r="O22" s="55"/>
      <c r="P22" s="56">
        <v>0</v>
      </c>
      <c r="Q22" s="56">
        <v>0</v>
      </c>
      <c r="R22" s="55"/>
      <c r="S22" s="55"/>
      <c r="T22" s="55"/>
      <c r="U22" s="56">
        <v>0</v>
      </c>
      <c r="V22" s="55"/>
      <c r="W22" s="55"/>
      <c r="X22" s="55"/>
      <c r="Y22" s="56">
        <v>0</v>
      </c>
      <c r="Z22" s="56">
        <v>0</v>
      </c>
      <c r="AA22" s="56">
        <v>0</v>
      </c>
      <c r="AB22" s="56">
        <v>0</v>
      </c>
      <c r="AC22" s="57" t="s">
        <v>29</v>
      </c>
      <c r="AD22" s="57" t="s">
        <v>29</v>
      </c>
      <c r="AE22" s="57" t="s">
        <v>29</v>
      </c>
      <c r="AF22" s="58">
        <v>0</v>
      </c>
    </row>
    <row r="23" spans="1:32" s="64" customFormat="1" ht="20.100000000000001" customHeight="1">
      <c r="A23" s="59">
        <v>6</v>
      </c>
      <c r="B23" s="60"/>
      <c r="C23" s="60"/>
      <c r="D23" s="61">
        <v>0</v>
      </c>
      <c r="E23" s="60"/>
      <c r="F23" s="60"/>
      <c r="G23" s="61">
        <v>0</v>
      </c>
      <c r="H23" s="61">
        <v>0</v>
      </c>
      <c r="I23" s="60"/>
      <c r="J23" s="60"/>
      <c r="K23" s="60"/>
      <c r="L23" s="61">
        <v>0</v>
      </c>
      <c r="M23" s="60"/>
      <c r="N23" s="60"/>
      <c r="O23" s="60"/>
      <c r="P23" s="61">
        <v>0</v>
      </c>
      <c r="Q23" s="61">
        <v>0</v>
      </c>
      <c r="R23" s="60"/>
      <c r="S23" s="60"/>
      <c r="T23" s="60"/>
      <c r="U23" s="61">
        <v>0</v>
      </c>
      <c r="V23" s="60"/>
      <c r="W23" s="60"/>
      <c r="X23" s="60"/>
      <c r="Y23" s="61">
        <v>0</v>
      </c>
      <c r="Z23" s="61">
        <v>0</v>
      </c>
      <c r="AA23" s="61">
        <v>0</v>
      </c>
      <c r="AB23" s="61">
        <v>0</v>
      </c>
      <c r="AC23" s="62" t="s">
        <v>29</v>
      </c>
      <c r="AD23" s="62" t="s">
        <v>29</v>
      </c>
      <c r="AE23" s="62" t="s">
        <v>29</v>
      </c>
      <c r="AF23" s="63">
        <v>0</v>
      </c>
    </row>
    <row r="24" spans="1:32" ht="20.100000000000001" customHeight="1">
      <c r="A24" s="54">
        <v>7</v>
      </c>
      <c r="B24" s="55"/>
      <c r="C24" s="55"/>
      <c r="D24" s="56">
        <v>0</v>
      </c>
      <c r="E24" s="55"/>
      <c r="F24" s="55"/>
      <c r="G24" s="56">
        <v>0</v>
      </c>
      <c r="H24" s="56">
        <v>0</v>
      </c>
      <c r="I24" s="55"/>
      <c r="J24" s="55"/>
      <c r="K24" s="55"/>
      <c r="L24" s="56">
        <v>0</v>
      </c>
      <c r="M24" s="55"/>
      <c r="N24" s="55"/>
      <c r="O24" s="55"/>
      <c r="P24" s="56">
        <v>0</v>
      </c>
      <c r="Q24" s="56">
        <v>0</v>
      </c>
      <c r="R24" s="55"/>
      <c r="S24" s="55"/>
      <c r="T24" s="55"/>
      <c r="U24" s="56">
        <v>0</v>
      </c>
      <c r="V24" s="55"/>
      <c r="W24" s="55"/>
      <c r="X24" s="55"/>
      <c r="Y24" s="56">
        <v>0</v>
      </c>
      <c r="Z24" s="56">
        <v>0</v>
      </c>
      <c r="AA24" s="56">
        <v>0</v>
      </c>
      <c r="AB24" s="56">
        <v>0</v>
      </c>
      <c r="AC24" s="57" t="s">
        <v>29</v>
      </c>
      <c r="AD24" s="57" t="s">
        <v>29</v>
      </c>
      <c r="AE24" s="57" t="s">
        <v>29</v>
      </c>
      <c r="AF24" s="58">
        <v>0</v>
      </c>
    </row>
    <row r="25" spans="1:32" ht="20.100000000000001" customHeight="1">
      <c r="A25" s="54">
        <v>8</v>
      </c>
      <c r="B25" s="55"/>
      <c r="C25" s="55"/>
      <c r="D25" s="56">
        <v>0</v>
      </c>
      <c r="E25" s="55"/>
      <c r="F25" s="55"/>
      <c r="G25" s="56">
        <v>0</v>
      </c>
      <c r="H25" s="56">
        <v>0</v>
      </c>
      <c r="I25" s="55"/>
      <c r="J25" s="55"/>
      <c r="K25" s="55"/>
      <c r="L25" s="56">
        <v>0</v>
      </c>
      <c r="M25" s="55"/>
      <c r="N25" s="55"/>
      <c r="O25" s="55"/>
      <c r="P25" s="56">
        <v>0</v>
      </c>
      <c r="Q25" s="56">
        <v>0</v>
      </c>
      <c r="R25" s="55"/>
      <c r="S25" s="55"/>
      <c r="T25" s="55"/>
      <c r="U25" s="56">
        <v>0</v>
      </c>
      <c r="V25" s="55"/>
      <c r="W25" s="55"/>
      <c r="X25" s="55"/>
      <c r="Y25" s="56">
        <v>0</v>
      </c>
      <c r="Z25" s="56">
        <v>0</v>
      </c>
      <c r="AA25" s="56">
        <v>0</v>
      </c>
      <c r="AB25" s="56">
        <v>0</v>
      </c>
      <c r="AC25" s="57" t="s">
        <v>29</v>
      </c>
      <c r="AD25" s="57" t="s">
        <v>29</v>
      </c>
      <c r="AE25" s="57" t="s">
        <v>29</v>
      </c>
      <c r="AF25" s="58">
        <v>0</v>
      </c>
    </row>
    <row r="26" spans="1:32" ht="20.100000000000001" customHeight="1">
      <c r="A26" s="54">
        <v>9</v>
      </c>
      <c r="B26" s="55"/>
      <c r="C26" s="55"/>
      <c r="D26" s="56">
        <v>0</v>
      </c>
      <c r="E26" s="55"/>
      <c r="F26" s="55"/>
      <c r="G26" s="56">
        <v>0</v>
      </c>
      <c r="H26" s="56">
        <v>0</v>
      </c>
      <c r="I26" s="55"/>
      <c r="J26" s="55"/>
      <c r="K26" s="55"/>
      <c r="L26" s="56">
        <v>0</v>
      </c>
      <c r="M26" s="55"/>
      <c r="N26" s="55"/>
      <c r="O26" s="55"/>
      <c r="P26" s="56">
        <v>0</v>
      </c>
      <c r="Q26" s="56">
        <v>0</v>
      </c>
      <c r="R26" s="55"/>
      <c r="S26" s="55"/>
      <c r="T26" s="55"/>
      <c r="U26" s="56">
        <v>0</v>
      </c>
      <c r="V26" s="55"/>
      <c r="W26" s="55"/>
      <c r="X26" s="55"/>
      <c r="Y26" s="56">
        <v>0</v>
      </c>
      <c r="Z26" s="56">
        <v>0</v>
      </c>
      <c r="AA26" s="56">
        <v>0</v>
      </c>
      <c r="AB26" s="56">
        <v>0</v>
      </c>
      <c r="AC26" s="57" t="s">
        <v>29</v>
      </c>
      <c r="AD26" s="57" t="s">
        <v>29</v>
      </c>
      <c r="AE26" s="57" t="s">
        <v>29</v>
      </c>
      <c r="AF26" s="58">
        <v>0</v>
      </c>
    </row>
    <row r="27" spans="1:32" ht="20.100000000000001" customHeight="1">
      <c r="A27" s="54">
        <v>10</v>
      </c>
      <c r="B27" s="55"/>
      <c r="C27" s="55"/>
      <c r="D27" s="56">
        <v>0</v>
      </c>
      <c r="E27" s="55"/>
      <c r="F27" s="55"/>
      <c r="G27" s="56">
        <v>0</v>
      </c>
      <c r="H27" s="56">
        <v>0</v>
      </c>
      <c r="I27" s="55"/>
      <c r="J27" s="55"/>
      <c r="K27" s="55"/>
      <c r="L27" s="56">
        <v>0</v>
      </c>
      <c r="M27" s="55"/>
      <c r="N27" s="55"/>
      <c r="O27" s="55"/>
      <c r="P27" s="56">
        <v>0</v>
      </c>
      <c r="Q27" s="56">
        <v>0</v>
      </c>
      <c r="R27" s="55"/>
      <c r="S27" s="55"/>
      <c r="T27" s="55"/>
      <c r="U27" s="56">
        <v>0</v>
      </c>
      <c r="V27" s="55"/>
      <c r="W27" s="55"/>
      <c r="X27" s="55"/>
      <c r="Y27" s="56">
        <v>0</v>
      </c>
      <c r="Z27" s="56">
        <v>0</v>
      </c>
      <c r="AA27" s="56">
        <v>0</v>
      </c>
      <c r="AB27" s="56">
        <v>0</v>
      </c>
      <c r="AC27" s="57" t="s">
        <v>29</v>
      </c>
      <c r="AD27" s="57" t="s">
        <v>29</v>
      </c>
      <c r="AE27" s="57" t="s">
        <v>29</v>
      </c>
      <c r="AF27" s="58">
        <v>0</v>
      </c>
    </row>
    <row r="28" spans="1:32" ht="20.100000000000001" customHeight="1">
      <c r="A28" s="54">
        <v>11</v>
      </c>
      <c r="B28" s="55"/>
      <c r="C28" s="55"/>
      <c r="D28" s="56">
        <v>0</v>
      </c>
      <c r="E28" s="55"/>
      <c r="F28" s="55"/>
      <c r="G28" s="56">
        <v>0</v>
      </c>
      <c r="H28" s="56">
        <v>0</v>
      </c>
      <c r="I28" s="55"/>
      <c r="J28" s="55"/>
      <c r="K28" s="55"/>
      <c r="L28" s="56">
        <v>0</v>
      </c>
      <c r="M28" s="55"/>
      <c r="N28" s="55"/>
      <c r="O28" s="55"/>
      <c r="P28" s="56">
        <v>0</v>
      </c>
      <c r="Q28" s="56">
        <v>0</v>
      </c>
      <c r="R28" s="55"/>
      <c r="S28" s="55"/>
      <c r="T28" s="55"/>
      <c r="U28" s="56">
        <v>0</v>
      </c>
      <c r="V28" s="55"/>
      <c r="W28" s="55"/>
      <c r="X28" s="55"/>
      <c r="Y28" s="56">
        <v>0</v>
      </c>
      <c r="Z28" s="56">
        <v>0</v>
      </c>
      <c r="AA28" s="56">
        <v>0</v>
      </c>
      <c r="AB28" s="56">
        <v>0</v>
      </c>
      <c r="AC28" s="57" t="s">
        <v>29</v>
      </c>
      <c r="AD28" s="57" t="s">
        <v>29</v>
      </c>
      <c r="AE28" s="57" t="s">
        <v>29</v>
      </c>
      <c r="AF28" s="58">
        <v>0</v>
      </c>
    </row>
    <row r="29" spans="1:32" ht="20.100000000000001" customHeight="1">
      <c r="A29" s="65">
        <v>12</v>
      </c>
      <c r="B29" s="66"/>
      <c r="C29" s="66"/>
      <c r="D29" s="67">
        <v>0</v>
      </c>
      <c r="E29" s="66"/>
      <c r="F29" s="66"/>
      <c r="G29" s="67">
        <v>0</v>
      </c>
      <c r="H29" s="67">
        <v>0</v>
      </c>
      <c r="I29" s="66"/>
      <c r="J29" s="66"/>
      <c r="K29" s="66"/>
      <c r="L29" s="67">
        <v>0</v>
      </c>
      <c r="M29" s="66"/>
      <c r="N29" s="66"/>
      <c r="O29" s="66"/>
      <c r="P29" s="67">
        <v>0</v>
      </c>
      <c r="Q29" s="67">
        <v>0</v>
      </c>
      <c r="R29" s="66"/>
      <c r="S29" s="66"/>
      <c r="T29" s="66"/>
      <c r="U29" s="67">
        <v>0</v>
      </c>
      <c r="V29" s="66"/>
      <c r="W29" s="66"/>
      <c r="X29" s="66"/>
      <c r="Y29" s="67">
        <v>0</v>
      </c>
      <c r="Z29" s="67">
        <v>0</v>
      </c>
      <c r="AA29" s="67">
        <v>0</v>
      </c>
      <c r="AB29" s="67">
        <v>0</v>
      </c>
      <c r="AC29" s="68" t="s">
        <v>29</v>
      </c>
      <c r="AD29" s="69" t="s">
        <v>29</v>
      </c>
      <c r="AE29" s="68" t="s">
        <v>29</v>
      </c>
      <c r="AF29" s="70">
        <v>0</v>
      </c>
    </row>
    <row r="30" spans="1:32" ht="20.100000000000001" customHeight="1">
      <c r="A30" s="45" t="s">
        <v>24</v>
      </c>
      <c r="B30" s="71">
        <v>409</v>
      </c>
      <c r="C30" s="71">
        <v>406</v>
      </c>
      <c r="D30" s="71">
        <v>815</v>
      </c>
      <c r="E30" s="71">
        <v>1018</v>
      </c>
      <c r="F30" s="71">
        <v>1058</v>
      </c>
      <c r="G30" s="71">
        <v>2076</v>
      </c>
      <c r="H30" s="71">
        <v>-1261</v>
      </c>
      <c r="I30" s="71">
        <v>1677</v>
      </c>
      <c r="J30" s="71">
        <v>685</v>
      </c>
      <c r="K30" s="71">
        <v>634</v>
      </c>
      <c r="L30" s="71">
        <v>1319</v>
      </c>
      <c r="M30" s="71">
        <v>3082</v>
      </c>
      <c r="N30" s="71">
        <v>2543</v>
      </c>
      <c r="O30" s="71">
        <v>1855</v>
      </c>
      <c r="P30" s="71">
        <v>4398</v>
      </c>
      <c r="Q30" s="71">
        <v>5717</v>
      </c>
      <c r="R30" s="71">
        <v>1955</v>
      </c>
      <c r="S30" s="71">
        <v>734</v>
      </c>
      <c r="T30" s="71">
        <v>612</v>
      </c>
      <c r="U30" s="71">
        <v>1346</v>
      </c>
      <c r="V30" s="71">
        <v>2154</v>
      </c>
      <c r="W30" s="71">
        <v>2537</v>
      </c>
      <c r="X30" s="71">
        <v>1858</v>
      </c>
      <c r="Y30" s="71">
        <v>4395</v>
      </c>
      <c r="Z30" s="71">
        <v>5741</v>
      </c>
      <c r="AA30" s="71">
        <v>-24</v>
      </c>
      <c r="AB30" s="71">
        <v>-1285</v>
      </c>
      <c r="AC30" s="72"/>
      <c r="AD30" s="72"/>
      <c r="AE30" s="72"/>
      <c r="AF30" s="73"/>
    </row>
    <row r="31" spans="1:32">
      <c r="H31" s="74"/>
      <c r="I31" s="74"/>
      <c r="J31" s="74"/>
      <c r="K31" s="74"/>
      <c r="L31" s="74"/>
      <c r="M31" s="74"/>
      <c r="N31" s="74"/>
      <c r="O31" s="74"/>
      <c r="P31" s="74"/>
      <c r="Q31" s="74"/>
      <c r="R31" s="74"/>
      <c r="S31" s="74"/>
      <c r="T31" s="74"/>
      <c r="U31" s="74"/>
      <c r="V31" s="74"/>
      <c r="W31" s="74"/>
      <c r="X31" s="74"/>
      <c r="Y31" s="74"/>
      <c r="Z31" s="74"/>
      <c r="AA31" s="74"/>
      <c r="AB31" s="74"/>
      <c r="AC31" s="74"/>
      <c r="AD31" s="74"/>
      <c r="AE31" s="74"/>
      <c r="AF31" s="74"/>
    </row>
    <row r="32" spans="1:32">
      <c r="B32" s="75" t="s">
        <v>30</v>
      </c>
      <c r="E32" s="74"/>
      <c r="F32" s="74"/>
      <c r="G32" s="74"/>
      <c r="H32" s="74"/>
      <c r="I32" s="74"/>
      <c r="J32" s="74"/>
      <c r="K32" s="74"/>
      <c r="L32" s="74"/>
      <c r="M32" s="74"/>
      <c r="N32" s="74"/>
      <c r="O32" s="74"/>
      <c r="P32" s="74"/>
      <c r="Q32" s="74"/>
      <c r="R32" s="74"/>
      <c r="S32" s="74"/>
      <c r="T32" s="74"/>
      <c r="U32" s="74"/>
      <c r="V32" s="74"/>
      <c r="W32" s="74"/>
      <c r="X32" s="74"/>
      <c r="Y32" s="74"/>
      <c r="AA32" s="74"/>
      <c r="AB32" s="76"/>
      <c r="AC32" s="76"/>
      <c r="AD32" s="76"/>
      <c r="AE32" s="76"/>
      <c r="AF32" s="76"/>
    </row>
    <row r="33" spans="2:2">
      <c r="B33" s="75" t="s">
        <v>31</v>
      </c>
    </row>
    <row r="34" spans="2:2">
      <c r="B34" s="75" t="s">
        <v>32</v>
      </c>
    </row>
    <row r="35" spans="2:2">
      <c r="B35" s="75" t="s">
        <v>33</v>
      </c>
    </row>
  </sheetData>
  <mergeCells count="27">
    <mergeCell ref="H15:H16"/>
    <mergeCell ref="I15:Q15"/>
    <mergeCell ref="R15:Z15"/>
    <mergeCell ref="AA15:AA16"/>
    <mergeCell ref="AB15:AB16"/>
    <mergeCell ref="AC15:AF16"/>
    <mergeCell ref="I16:L16"/>
    <mergeCell ref="M16:P16"/>
    <mergeCell ref="R16:U16"/>
    <mergeCell ref="V16:Y16"/>
    <mergeCell ref="R7:T7"/>
    <mergeCell ref="R8:T8"/>
    <mergeCell ref="M10:O10"/>
    <mergeCell ref="R10:T10"/>
    <mergeCell ref="K12:X12"/>
    <mergeCell ref="A14:A16"/>
    <mergeCell ref="B14:H14"/>
    <mergeCell ref="I14:AA14"/>
    <mergeCell ref="B15:D16"/>
    <mergeCell ref="E15:G16"/>
    <mergeCell ref="M1:W1"/>
    <mergeCell ref="K3:O3"/>
    <mergeCell ref="P3:T3"/>
    <mergeCell ref="M5:O5"/>
    <mergeCell ref="R5:T5"/>
    <mergeCell ref="M6:O6"/>
    <mergeCell ref="R6:T6"/>
  </mergeCells>
  <phoneticPr fontId="2"/>
  <printOptions horizontalCentered="1" verticalCentered="1"/>
  <pageMargins left="0.59055118110236227" right="0.59055118110236227" top="0" bottom="0.39370078740157483" header="0.51181102362204722" footer="0.51181102362204722"/>
  <pageSetup paperSize="9" scale="70" orientation="landscape" blackAndWhite="1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jinko</vt:lpstr>
      <vt:lpstr>jinko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23-05-02T00:26:21Z</dcterms:created>
  <dcterms:modified xsi:type="dcterms:W3CDTF">2023-05-02T00:26:23Z</dcterms:modified>
</cp:coreProperties>
</file>